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022\szkolenia-zewnetrzne\2025\marzec 2025\"/>
    </mc:Choice>
  </mc:AlternateContent>
  <bookViews>
    <workbookView xWindow="-108" yWindow="-108" windowWidth="38616" windowHeight="21096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63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t>UZUPEŁNIAJĄCE</t>
  </si>
  <si>
    <t>SZKOLENIE UZUPEŁNIAJĄCE W DNIU 25 marzec 2025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6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center"/>
    </xf>
    <xf numFmtId="14" fontId="15" fillId="0" borderId="2" xfId="0" applyNumberFormat="1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4</xdr:row>
      <xdr:rowOff>160860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sia/Documents/moje%20dokumenty/6.%20szkolenie/1.Szkolenie%20piel&#281;gniarek%20czer2021/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topLeftCell="A4" zoomScale="145" zoomScaleNormal="145" workbookViewId="0">
      <selection activeCell="A32" sqref="A32:C32"/>
    </sheetView>
  </sheetViews>
  <sheetFormatPr defaultRowHeight="15"/>
  <cols>
    <col min="1" max="1" width="7.109375" customWidth="1"/>
    <col min="2" max="2" width="28.21875" style="1" customWidth="1"/>
    <col min="3" max="3" width="17.109375" style="1" customWidth="1"/>
    <col min="4" max="4" width="17.44140625" style="1" customWidth="1"/>
    <col min="5" max="5" width="24.5546875" style="1" customWidth="1"/>
    <col min="6" max="6" width="19.44140625" style="1" customWidth="1"/>
    <col min="7" max="7" width="15" style="1" customWidth="1"/>
    <col min="8" max="1022" width="9.33203125" style="1"/>
  </cols>
  <sheetData>
    <row r="2" spans="1:1023">
      <c r="C2" s="16" t="s">
        <v>0</v>
      </c>
      <c r="D2" s="16"/>
      <c r="E2" s="16"/>
      <c r="F2" s="16"/>
    </row>
    <row r="4" spans="1:1023">
      <c r="C4" s="19" t="s">
        <v>61</v>
      </c>
      <c r="D4" s="19"/>
      <c r="E4" s="19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4" t="s">
        <v>60</v>
      </c>
      <c r="F11" s="15">
        <v>45741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4" t="s">
        <v>60</v>
      </c>
      <c r="F12" s="15">
        <v>45741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4" t="s">
        <v>60</v>
      </c>
      <c r="F13" s="15">
        <v>45741</v>
      </c>
    </row>
    <row r="14" spans="1:1023" s="6" customFormat="1" ht="15.6">
      <c r="A14" s="3" t="s">
        <v>11</v>
      </c>
      <c r="B14" s="5"/>
      <c r="C14" s="5"/>
      <c r="D14" s="5"/>
      <c r="E14" s="14" t="s">
        <v>60</v>
      </c>
      <c r="F14" s="15">
        <v>45741</v>
      </c>
    </row>
    <row r="15" spans="1:1023" s="1" customFormat="1" ht="15.6">
      <c r="A15" s="3" t="s">
        <v>12</v>
      </c>
      <c r="B15" s="4"/>
      <c r="C15" s="4"/>
      <c r="D15" s="4"/>
      <c r="E15" s="14" t="s">
        <v>60</v>
      </c>
      <c r="F15" s="15">
        <v>45741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4" t="s">
        <v>60</v>
      </c>
      <c r="F16" s="15">
        <v>45741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4" t="s">
        <v>60</v>
      </c>
      <c r="F17" s="15">
        <v>45741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4" t="s">
        <v>60</v>
      </c>
      <c r="F18" s="15">
        <v>45741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4" t="s">
        <v>60</v>
      </c>
      <c r="F19" s="15">
        <v>45741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4" t="s">
        <v>60</v>
      </c>
      <c r="F20" s="15">
        <v>45741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4" t="s">
        <v>60</v>
      </c>
      <c r="F21" s="15">
        <v>45741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4" t="s">
        <v>60</v>
      </c>
      <c r="F22" s="15">
        <v>45741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4" t="s">
        <v>60</v>
      </c>
      <c r="F23" s="15">
        <v>45741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4" t="s">
        <v>60</v>
      </c>
      <c r="F24" s="15">
        <v>45741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4" t="s">
        <v>60</v>
      </c>
      <c r="F25" s="15">
        <v>45741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4" t="s">
        <v>60</v>
      </c>
      <c r="F26" s="15">
        <v>45741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4" t="s">
        <v>60</v>
      </c>
      <c r="F27" s="15">
        <v>45741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4" t="s">
        <v>60</v>
      </c>
      <c r="F28" s="15">
        <v>45741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4" t="s">
        <v>60</v>
      </c>
      <c r="F29" s="15">
        <v>45741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4" t="s">
        <v>60</v>
      </c>
      <c r="F30" s="15">
        <v>45741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7" t="s">
        <v>62</v>
      </c>
      <c r="B32" s="17"/>
      <c r="C32" s="18"/>
      <c r="D32" s="20"/>
      <c r="E32" s="20"/>
      <c r="F32" s="20"/>
      <c r="G32" s="20"/>
    </row>
    <row r="33" spans="1:7" s="1" customFormat="1" ht="29.4" customHeight="1">
      <c r="A33" s="17" t="s">
        <v>28</v>
      </c>
      <c r="B33" s="17"/>
      <c r="C33" s="18"/>
      <c r="D33" s="21"/>
      <c r="E33" s="21"/>
      <c r="F33" s="21"/>
      <c r="G33" s="21"/>
    </row>
    <row r="34" spans="1:7" s="1" customFormat="1" ht="31.2" customHeight="1">
      <c r="A34" s="17" t="s">
        <v>29</v>
      </c>
      <c r="B34" s="17"/>
      <c r="C34" s="18"/>
      <c r="D34" s="22"/>
      <c r="E34" s="22"/>
      <c r="F34" s="22"/>
      <c r="G34" s="22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0">
    <mergeCell ref="C2:F2"/>
    <mergeCell ref="A33:C33"/>
    <mergeCell ref="A34:C34"/>
    <mergeCell ref="C4:E4"/>
    <mergeCell ref="D32:G32"/>
    <mergeCell ref="D33:G33"/>
    <mergeCell ref="D34:G34"/>
    <mergeCell ref="A7:C7"/>
    <mergeCell ref="D7:E7"/>
    <mergeCell ref="A32:C32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2</v>
      </c>
    </row>
    <row r="3" spans="1:1" ht="15" thickBot="1">
      <c r="A3" s="12" t="s">
        <v>33</v>
      </c>
    </row>
    <row r="4" spans="1:1" ht="15" thickBot="1">
      <c r="A4" s="12" t="s">
        <v>34</v>
      </c>
    </row>
    <row r="5" spans="1:1" ht="29.4" thickBot="1">
      <c r="A5" s="12" t="s">
        <v>35</v>
      </c>
    </row>
    <row r="6" spans="1:1" ht="15" thickBot="1">
      <c r="A6" s="12" t="s">
        <v>31</v>
      </c>
    </row>
    <row r="7" spans="1:1" ht="15" thickBot="1">
      <c r="A7" s="12" t="s">
        <v>36</v>
      </c>
    </row>
    <row r="8" spans="1:1" ht="15" thickBot="1">
      <c r="A8" s="12" t="s">
        <v>37</v>
      </c>
    </row>
    <row r="9" spans="1:1" ht="15" thickBot="1">
      <c r="A9" s="12" t="s">
        <v>38</v>
      </c>
    </row>
    <row r="10" spans="1:1" ht="15" thickBot="1">
      <c r="A10" s="12" t="s">
        <v>39</v>
      </c>
    </row>
    <row r="11" spans="1:1" ht="15" thickBot="1">
      <c r="A11" s="12" t="s">
        <v>40</v>
      </c>
    </row>
    <row r="12" spans="1:1" ht="15" thickBot="1">
      <c r="A12" s="12" t="s">
        <v>41</v>
      </c>
    </row>
    <row r="13" spans="1:1" ht="15" thickBot="1">
      <c r="A13" s="12" t="s">
        <v>42</v>
      </c>
    </row>
    <row r="14" spans="1:1" ht="15" thickBot="1">
      <c r="A14" s="12" t="s">
        <v>43</v>
      </c>
    </row>
    <row r="15" spans="1:1" ht="15" thickBot="1">
      <c r="A15" s="12" t="s">
        <v>44</v>
      </c>
    </row>
    <row r="16" spans="1:1" ht="15" thickBot="1">
      <c r="A16" s="12" t="s">
        <v>45</v>
      </c>
    </row>
    <row r="17" spans="1:1" ht="29.4" thickBot="1">
      <c r="A17" s="12" t="s">
        <v>46</v>
      </c>
    </row>
    <row r="18" spans="1:1" ht="29.4" thickBot="1">
      <c r="A18" s="12" t="s">
        <v>47</v>
      </c>
    </row>
    <row r="19" spans="1:1" ht="15" thickBot="1">
      <c r="A19" s="12" t="s">
        <v>48</v>
      </c>
    </row>
    <row r="20" spans="1:1" ht="15" thickBot="1">
      <c r="A20" s="12" t="s">
        <v>49</v>
      </c>
    </row>
    <row r="21" spans="1:1" ht="15" thickBot="1">
      <c r="A21" s="12" t="s">
        <v>50</v>
      </c>
    </row>
    <row r="22" spans="1:1" ht="15" thickBot="1">
      <c r="A22" s="12" t="s">
        <v>51</v>
      </c>
    </row>
    <row r="23" spans="1:1" ht="15" thickBot="1">
      <c r="A23" s="12" t="s">
        <v>52</v>
      </c>
    </row>
    <row r="24" spans="1:1" ht="15" thickBot="1">
      <c r="A24" s="12" t="s">
        <v>53</v>
      </c>
    </row>
    <row r="25" spans="1:1" ht="15" thickBot="1">
      <c r="A25" s="12" t="s">
        <v>54</v>
      </c>
    </row>
    <row r="26" spans="1:1" ht="15" thickBot="1">
      <c r="A26" s="12" t="s">
        <v>55</v>
      </c>
    </row>
    <row r="27" spans="1:1" ht="15" thickBot="1">
      <c r="A27" s="12" t="s">
        <v>56</v>
      </c>
    </row>
    <row r="28" spans="1:1" ht="15" thickBot="1">
      <c r="A28" s="12" t="s">
        <v>57</v>
      </c>
    </row>
    <row r="29" spans="1:1" ht="15" thickBot="1">
      <c r="A29" s="12" t="s">
        <v>58</v>
      </c>
    </row>
    <row r="30" spans="1:1" ht="15" thickBot="1">
      <c r="A30" s="12" t="s">
        <v>59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2-05T12:14:18Z</dcterms:modified>
</cp:coreProperties>
</file>